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145139\Dropbox\Edu Stu Aff\Studiegids\Overig\"/>
    </mc:Choice>
  </mc:AlternateContent>
  <xr:revisionPtr revIDLastSave="0" documentId="8_{AAE360C1-4DF3-447D-BE77-4CA9D1FA23EF}" xr6:coauthVersionLast="45" xr6:coauthVersionMax="45" xr10:uidLastSave="{00000000-0000-0000-0000-000000000000}"/>
  <bookViews>
    <workbookView xWindow="-108" yWindow="-108" windowWidth="23256" windowHeight="12576" xr2:uid="{00000000-000D-0000-FFFF-FFFF00000000}"/>
  </bookViews>
  <sheets>
    <sheet name="Bidiplomering" sheetId="1" r:id="rId1"/>
    <sheet name="ECTS" sheetId="3" r:id="rId2"/>
  </sheets>
  <definedNames>
    <definedName name="_xlnm.Print_Area" localSheetId="0">Bidiplomering!$A$1:$G$104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G92" i="1" l="1"/>
  <c r="C92" i="1"/>
  <c r="C77" i="1"/>
  <c r="C72" i="1"/>
  <c r="G67" i="1"/>
  <c r="C67" i="1"/>
  <c r="C79" i="1" s="1"/>
  <c r="C93" i="1" s="1"/>
  <c r="G51" i="1"/>
  <c r="C51" i="1"/>
  <c r="G44" i="1"/>
  <c r="C44" i="1"/>
  <c r="G30" i="1"/>
  <c r="C30" i="1"/>
  <c r="G77" i="1" l="1"/>
  <c r="G72" i="1"/>
  <c r="G79" i="1" l="1"/>
  <c r="G93" i="1" s="1"/>
</calcChain>
</file>

<file path=xl/sharedStrings.xml><?xml version="1.0" encoding="utf-8"?>
<sst xmlns="http://schemas.openxmlformats.org/spreadsheetml/2006/main" count="103" uniqueCount="40">
  <si>
    <t>course name</t>
  </si>
  <si>
    <t>course code</t>
  </si>
  <si>
    <t>sub total</t>
  </si>
  <si>
    <t>STUDENT NAME:</t>
  </si>
  <si>
    <t>ID-NUMBER:</t>
  </si>
  <si>
    <t>DATE:</t>
  </si>
  <si>
    <t>VERSION:</t>
  </si>
  <si>
    <t>ACADEMIC ADVISOR/MENTOR PROGRAM A:</t>
  </si>
  <si>
    <t>ACADEMIC ADVISOR/MENTOR PROGRAM B:</t>
  </si>
  <si>
    <t xml:space="preserve"> </t>
  </si>
  <si>
    <t>sub total (≥ 45 ≤ 75 EC)</t>
  </si>
  <si>
    <t>Total main program A (120 EC)</t>
  </si>
  <si>
    <t>Total double diploma program (≥ 165 ≤ 195 EC)</t>
  </si>
  <si>
    <t>spoken to other staff members program A:</t>
  </si>
  <si>
    <t>spoken to other staff members program B:</t>
  </si>
  <si>
    <t>spoken on:</t>
  </si>
  <si>
    <t>Electives</t>
  </si>
  <si>
    <t>Prof. Skills (if applicable)</t>
  </si>
  <si>
    <t>Internship (if applicable)</t>
  </si>
  <si>
    <t>GENERATION PROGRAM A:</t>
  </si>
  <si>
    <t>GENERATION PROGRAM B:</t>
  </si>
  <si>
    <t>Courses 2nd program</t>
  </si>
  <si>
    <t xml:space="preserve">Program A: </t>
  </si>
  <si>
    <t>Program B:</t>
  </si>
  <si>
    <t>EC</t>
  </si>
  <si>
    <t>Total main program B (120 EC)</t>
  </si>
  <si>
    <t>Graduation project</t>
  </si>
  <si>
    <t>Specialisation</t>
  </si>
  <si>
    <t>Core courses</t>
  </si>
  <si>
    <t>GRADUATION PROJECT SUPERVISOR PROGRAM A:</t>
  </si>
  <si>
    <t>GRADUATION PROJECT SUPERVISOR PROGRAM B:</t>
  </si>
  <si>
    <t>PROPOSAL FORM INTERNAL DOUBLE DIPLOMA - MASTER</t>
  </si>
  <si>
    <t>MAKE SURE BOTH PROGRAMS HAVE THE SAME STUDY COMPONENTS (total 165 EC - 195 EC)</t>
  </si>
  <si>
    <t>Date:</t>
  </si>
  <si>
    <t>Name Mentor program A*:</t>
  </si>
  <si>
    <t>Signature Mentor program A*:</t>
  </si>
  <si>
    <t>Name Mentor program B*:</t>
  </si>
  <si>
    <t>Signature Mentor program B*:</t>
  </si>
  <si>
    <t xml:space="preserve">* Check PER MSc art. 3.6 paragraph 3 - signature if applicable for program B </t>
  </si>
  <si>
    <t>* Check PER MSc art. 3.6 paragraph 3 - signature if applicable for program 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3"/>
      <color theme="3"/>
      <name val="Calibri"/>
      <family val="2"/>
      <scheme val="minor"/>
    </font>
    <font>
      <sz val="11"/>
      <color theme="0"/>
      <name val="Calibri"/>
      <family val="2"/>
      <scheme val="minor"/>
    </font>
    <font>
      <b/>
      <sz val="12"/>
      <color theme="1"/>
      <name val="Calibri"/>
      <family val="2"/>
      <scheme val="minor"/>
    </font>
    <font>
      <i/>
      <sz val="12"/>
      <color theme="1"/>
      <name val="Calibri"/>
      <family val="2"/>
      <scheme val="minor"/>
    </font>
    <font>
      <b/>
      <i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b/>
      <sz val="12"/>
      <name val="Calibri"/>
      <family val="2"/>
      <scheme val="minor"/>
    </font>
    <font>
      <b/>
      <sz val="11"/>
      <name val="Calibri"/>
      <family val="2"/>
      <scheme val="minor"/>
    </font>
    <font>
      <i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1"/>
      <color theme="0"/>
      <name val="Calibri"/>
      <family val="2"/>
      <scheme val="minor"/>
    </font>
    <font>
      <b/>
      <i/>
      <sz val="11"/>
      <name val="Calibri"/>
      <family val="2"/>
      <scheme val="minor"/>
    </font>
    <font>
      <b/>
      <sz val="12"/>
      <color theme="3"/>
      <name val="Calibri"/>
      <family val="2"/>
      <scheme val="minor"/>
    </font>
    <font>
      <i/>
      <sz val="11"/>
      <color rgb="FFFF0000"/>
      <name val="Calibri"/>
      <family val="2"/>
      <scheme val="minor"/>
    </font>
    <font>
      <b/>
      <sz val="14"/>
      <color theme="4" tint="-0.499984740745262"/>
      <name val="Calibri"/>
      <family val="2"/>
      <scheme val="minor"/>
    </font>
    <font>
      <sz val="12"/>
      <color theme="1"/>
      <name val="Calibri"/>
      <family val="2"/>
      <scheme val="minor"/>
    </font>
    <font>
      <sz val="10"/>
      <color theme="1"/>
      <name val="Calibri"/>
      <family val="2"/>
      <scheme val="minor"/>
    </font>
  </fonts>
  <fills count="6">
    <fill>
      <patternFill patternType="none"/>
    </fill>
    <fill>
      <patternFill patternType="gray125"/>
    </fill>
    <fill>
      <patternFill patternType="solid">
        <fgColor theme="4" tint="0.79998168889431442"/>
        <bgColor indexed="65"/>
      </patternFill>
    </fill>
    <fill>
      <patternFill patternType="solid">
        <fgColor theme="5"/>
      </patternFill>
    </fill>
    <fill>
      <patternFill patternType="solid">
        <fgColor theme="3"/>
        <bgColor indexed="64"/>
      </patternFill>
    </fill>
    <fill>
      <patternFill patternType="solid">
        <fgColor theme="5" tint="0.39997558519241921"/>
        <bgColor indexed="64"/>
      </patternFill>
    </fill>
  </fills>
  <borders count="16">
    <border>
      <left/>
      <right/>
      <top/>
      <bottom/>
      <diagonal/>
    </border>
    <border>
      <left/>
      <right/>
      <top/>
      <bottom style="thick">
        <color theme="4" tint="0.499984740745262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theme="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</borders>
  <cellStyleXfs count="4">
    <xf numFmtId="0" fontId="0" fillId="0" borderId="0"/>
    <xf numFmtId="0" fontId="2" fillId="0" borderId="1" applyNumberFormat="0" applyFill="0" applyAlignment="0" applyProtection="0"/>
    <xf numFmtId="0" fontId="1" fillId="2" borderId="0" applyNumberFormat="0" applyBorder="0" applyAlignment="0" applyProtection="0"/>
    <xf numFmtId="0" fontId="3" fillId="3" borderId="0" applyNumberFormat="0" applyBorder="0" applyAlignment="0" applyProtection="0"/>
  </cellStyleXfs>
  <cellXfs count="66">
    <xf numFmtId="0" fontId="0" fillId="0" borderId="0" xfId="0"/>
    <xf numFmtId="0" fontId="0" fillId="0" borderId="2" xfId="0" applyBorder="1"/>
    <xf numFmtId="0" fontId="0" fillId="0" borderId="5" xfId="0" applyBorder="1"/>
    <xf numFmtId="0" fontId="0" fillId="0" borderId="6" xfId="0" applyBorder="1"/>
    <xf numFmtId="0" fontId="5" fillId="2" borderId="2" xfId="2" applyFont="1" applyBorder="1"/>
    <xf numFmtId="0" fontId="5" fillId="0" borderId="2" xfId="0" applyFont="1" applyBorder="1"/>
    <xf numFmtId="0" fontId="0" fillId="0" borderId="0" xfId="0" applyBorder="1"/>
    <xf numFmtId="0" fontId="0" fillId="0" borderId="0" xfId="0" applyFill="1"/>
    <xf numFmtId="0" fontId="6" fillId="0" borderId="2" xfId="0" applyFont="1" applyBorder="1"/>
    <xf numFmtId="0" fontId="7" fillId="0" borderId="0" xfId="0" applyFont="1" applyFill="1"/>
    <xf numFmtId="0" fontId="7" fillId="0" borderId="0" xfId="0" applyFont="1" applyFill="1" applyBorder="1"/>
    <xf numFmtId="0" fontId="9" fillId="0" borderId="0" xfId="3" applyFont="1" applyFill="1" applyBorder="1"/>
    <xf numFmtId="0" fontId="10" fillId="0" borderId="2" xfId="0" applyFont="1" applyBorder="1"/>
    <xf numFmtId="0" fontId="4" fillId="0" borderId="9" xfId="0" applyFont="1" applyBorder="1"/>
    <xf numFmtId="0" fontId="11" fillId="0" borderId="0" xfId="0" applyFont="1" applyBorder="1"/>
    <xf numFmtId="0" fontId="12" fillId="0" borderId="2" xfId="0" applyFont="1" applyBorder="1"/>
    <xf numFmtId="0" fontId="12" fillId="0" borderId="5" xfId="0" applyFont="1" applyBorder="1"/>
    <xf numFmtId="0" fontId="12" fillId="0" borderId="0" xfId="0" applyFont="1" applyBorder="1"/>
    <xf numFmtId="0" fontId="11" fillId="0" borderId="3" xfId="0" applyFont="1" applyBorder="1"/>
    <xf numFmtId="0" fontId="4" fillId="0" borderId="9" xfId="0" applyFont="1" applyBorder="1" applyAlignment="1">
      <alignment horizontal="left"/>
    </xf>
    <xf numFmtId="0" fontId="8" fillId="0" borderId="9" xfId="3" applyFont="1" applyFill="1" applyBorder="1" applyAlignment="1">
      <alignment horizontal="left"/>
    </xf>
    <xf numFmtId="0" fontId="11" fillId="0" borderId="4" xfId="0" applyFont="1" applyBorder="1"/>
    <xf numFmtId="0" fontId="10" fillId="0" borderId="10" xfId="0" applyFont="1" applyBorder="1"/>
    <xf numFmtId="0" fontId="12" fillId="0" borderId="9" xfId="0" applyFont="1" applyBorder="1"/>
    <xf numFmtId="0" fontId="6" fillId="0" borderId="0" xfId="0" applyFont="1" applyBorder="1"/>
    <xf numFmtId="0" fontId="10" fillId="0" borderId="0" xfId="0" applyFont="1" applyBorder="1" applyAlignment="1"/>
    <xf numFmtId="0" fontId="10" fillId="0" borderId="0" xfId="0" applyFont="1" applyFill="1" applyBorder="1" applyAlignment="1"/>
    <xf numFmtId="0" fontId="0" fillId="0" borderId="0" xfId="0" applyFill="1" applyBorder="1"/>
    <xf numFmtId="0" fontId="0" fillId="5" borderId="0" xfId="0" applyFill="1"/>
    <xf numFmtId="0" fontId="0" fillId="5" borderId="0" xfId="0" applyFill="1" applyBorder="1"/>
    <xf numFmtId="0" fontId="7" fillId="5" borderId="0" xfId="0" applyFont="1" applyFill="1"/>
    <xf numFmtId="0" fontId="4" fillId="5" borderId="0" xfId="0" applyFont="1" applyFill="1" applyBorder="1" applyAlignment="1">
      <alignment horizontal="left"/>
    </xf>
    <xf numFmtId="0" fontId="8" fillId="5" borderId="0" xfId="3" applyFont="1" applyFill="1" applyBorder="1" applyAlignment="1">
      <alignment horizontal="left"/>
    </xf>
    <xf numFmtId="0" fontId="5" fillId="0" borderId="11" xfId="0" applyFont="1" applyFill="1" applyBorder="1"/>
    <xf numFmtId="0" fontId="15" fillId="0" borderId="0" xfId="1" applyFont="1" applyBorder="1" applyAlignment="1"/>
    <xf numFmtId="0" fontId="10" fillId="0" borderId="2" xfId="0" applyFont="1" applyBorder="1" applyAlignment="1"/>
    <xf numFmtId="0" fontId="16" fillId="0" borderId="2" xfId="0" applyFont="1" applyBorder="1" applyAlignment="1"/>
    <xf numFmtId="0" fontId="6" fillId="0" borderId="7" xfId="0" applyFont="1" applyBorder="1" applyAlignment="1"/>
    <xf numFmtId="0" fontId="15" fillId="0" borderId="14" xfId="1" applyFont="1" applyBorder="1" applyAlignment="1"/>
    <xf numFmtId="0" fontId="0" fillId="0" borderId="11" xfId="0" applyBorder="1"/>
    <xf numFmtId="0" fontId="0" fillId="0" borderId="15" xfId="0" applyBorder="1"/>
    <xf numFmtId="0" fontId="10" fillId="0" borderId="11" xfId="0" applyFont="1" applyBorder="1"/>
    <xf numFmtId="0" fontId="10" fillId="0" borderId="12" xfId="0" applyFont="1" applyBorder="1"/>
    <xf numFmtId="0" fontId="0" fillId="0" borderId="7" xfId="0" applyBorder="1"/>
    <xf numFmtId="0" fontId="0" fillId="0" borderId="8" xfId="0" applyBorder="1"/>
    <xf numFmtId="0" fontId="0" fillId="0" borderId="12" xfId="0" applyBorder="1"/>
    <xf numFmtId="0" fontId="10" fillId="0" borderId="0" xfId="0" applyFont="1"/>
    <xf numFmtId="0" fontId="0" fillId="0" borderId="2" xfId="0" applyFont="1" applyBorder="1"/>
    <xf numFmtId="0" fontId="18" fillId="0" borderId="2" xfId="0" applyFont="1" applyBorder="1"/>
    <xf numFmtId="0" fontId="18" fillId="0" borderId="6" xfId="0" applyFont="1" applyBorder="1"/>
    <xf numFmtId="0" fontId="0" fillId="0" borderId="6" xfId="0" applyFont="1" applyBorder="1"/>
    <xf numFmtId="0" fontId="0" fillId="0" borderId="5" xfId="0" applyFont="1" applyBorder="1"/>
    <xf numFmtId="0" fontId="0" fillId="0" borderId="0" xfId="0" applyFont="1"/>
    <xf numFmtId="0" fontId="19" fillId="0" borderId="2" xfId="0" applyFont="1" applyBorder="1"/>
    <xf numFmtId="0" fontId="0" fillId="0" borderId="10" xfId="0" applyFont="1" applyBorder="1"/>
    <xf numFmtId="0" fontId="13" fillId="4" borderId="0" xfId="0" applyFont="1" applyFill="1" applyBorder="1" applyAlignment="1">
      <alignment horizontal="center"/>
    </xf>
    <xf numFmtId="0" fontId="14" fillId="4" borderId="0" xfId="0" applyFont="1" applyFill="1" applyBorder="1" applyAlignment="1">
      <alignment horizontal="center"/>
    </xf>
    <xf numFmtId="0" fontId="0" fillId="0" borderId="7" xfId="0" applyBorder="1" applyAlignment="1">
      <alignment horizontal="left"/>
    </xf>
    <xf numFmtId="0" fontId="0" fillId="0" borderId="8" xfId="0" applyBorder="1" applyAlignment="1">
      <alignment horizontal="left"/>
    </xf>
    <xf numFmtId="0" fontId="0" fillId="0" borderId="12" xfId="0" applyBorder="1" applyAlignment="1"/>
    <xf numFmtId="0" fontId="0" fillId="0" borderId="7" xfId="0" applyBorder="1" applyAlignment="1"/>
    <xf numFmtId="0" fontId="0" fillId="0" borderId="8" xfId="0" applyBorder="1" applyAlignment="1"/>
    <xf numFmtId="0" fontId="17" fillId="0" borderId="13" xfId="0" applyFont="1" applyBorder="1" applyAlignment="1">
      <alignment horizontal="center"/>
    </xf>
    <xf numFmtId="0" fontId="16" fillId="0" borderId="2" xfId="0" applyFont="1" applyBorder="1" applyAlignment="1"/>
    <xf numFmtId="0" fontId="16" fillId="0" borderId="12" xfId="0" applyFont="1" applyBorder="1" applyAlignment="1"/>
    <xf numFmtId="0" fontId="16" fillId="0" borderId="8" xfId="0" applyFont="1" applyBorder="1" applyAlignment="1"/>
  </cellXfs>
  <cellStyles count="4">
    <cellStyle name="20% - Accent1" xfId="2" builtinId="30"/>
    <cellStyle name="Accent2" xfId="3" builtinId="33"/>
    <cellStyle name="Heading 2" xfId="1" builtinId="17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I104"/>
  <sheetViews>
    <sheetView showGridLines="0" tabSelected="1" topLeftCell="A55" zoomScale="85" zoomScaleNormal="85" zoomScalePageLayoutView="85" workbookViewId="0">
      <selection activeCell="E83" sqref="E83"/>
    </sheetView>
  </sheetViews>
  <sheetFormatPr defaultRowHeight="14.4" x14ac:dyDescent="0.3"/>
  <cols>
    <col min="1" max="1" width="41.109375" customWidth="1"/>
    <col min="2" max="2" width="54.109375" customWidth="1"/>
    <col min="3" max="3" width="9" customWidth="1"/>
    <col min="4" max="4" width="2" style="7" customWidth="1"/>
    <col min="5" max="5" width="36.5546875" customWidth="1"/>
    <col min="6" max="6" width="65" customWidth="1"/>
    <col min="7" max="7" width="17.44140625" customWidth="1"/>
  </cols>
  <sheetData>
    <row r="1" spans="1:9" ht="18.600000000000001" thickBot="1" x14ac:dyDescent="0.4">
      <c r="A1" s="62" t="s">
        <v>31</v>
      </c>
      <c r="B1" s="62"/>
      <c r="C1" s="62"/>
      <c r="D1" s="62"/>
      <c r="E1" s="62"/>
      <c r="F1" s="62"/>
      <c r="G1" s="62"/>
    </row>
    <row r="3" spans="1:9" x14ac:dyDescent="0.3">
      <c r="A3" s="8" t="s">
        <v>6</v>
      </c>
      <c r="B3" s="57"/>
      <c r="C3" s="57"/>
      <c r="D3" s="57"/>
      <c r="E3" s="57"/>
      <c r="F3" s="57"/>
      <c r="G3" s="58"/>
    </row>
    <row r="4" spans="1:9" x14ac:dyDescent="0.3">
      <c r="A4" s="8" t="s">
        <v>3</v>
      </c>
      <c r="B4" s="57"/>
      <c r="C4" s="57"/>
      <c r="D4" s="57"/>
      <c r="E4" s="57"/>
      <c r="F4" s="57"/>
      <c r="G4" s="58"/>
    </row>
    <row r="5" spans="1:9" x14ac:dyDescent="0.3">
      <c r="A5" s="8" t="s">
        <v>4</v>
      </c>
      <c r="B5" s="57"/>
      <c r="C5" s="57"/>
      <c r="D5" s="57"/>
      <c r="E5" s="57"/>
      <c r="F5" s="57"/>
      <c r="G5" s="58"/>
    </row>
    <row r="6" spans="1:9" x14ac:dyDescent="0.3">
      <c r="A6" s="8" t="s">
        <v>19</v>
      </c>
      <c r="B6" s="59"/>
      <c r="C6" s="60"/>
      <c r="D6" s="61"/>
      <c r="E6" s="37" t="s">
        <v>20</v>
      </c>
      <c r="F6" s="59"/>
      <c r="G6" s="61"/>
    </row>
    <row r="7" spans="1:9" x14ac:dyDescent="0.3">
      <c r="A7" s="8" t="s">
        <v>5</v>
      </c>
      <c r="B7" s="57"/>
      <c r="C7" s="57"/>
      <c r="D7" s="57"/>
      <c r="E7" s="57"/>
      <c r="F7" s="57"/>
      <c r="G7" s="58"/>
    </row>
    <row r="8" spans="1:9" ht="15" customHeight="1" x14ac:dyDescent="0.3">
      <c r="A8" s="8" t="s">
        <v>7</v>
      </c>
      <c r="B8" s="35"/>
      <c r="C8" s="63" t="s">
        <v>15</v>
      </c>
      <c r="D8" s="63"/>
      <c r="E8" s="36"/>
      <c r="F8" s="36" t="s">
        <v>13</v>
      </c>
      <c r="G8" s="35"/>
      <c r="H8" s="25"/>
      <c r="I8" s="25"/>
    </row>
    <row r="9" spans="1:9" ht="15" customHeight="1" x14ac:dyDescent="0.3">
      <c r="A9" s="8" t="s">
        <v>8</v>
      </c>
      <c r="B9" s="35"/>
      <c r="C9" s="64" t="s">
        <v>15</v>
      </c>
      <c r="D9" s="65"/>
      <c r="E9" s="36"/>
      <c r="F9" s="36" t="s">
        <v>14</v>
      </c>
      <c r="G9" s="35"/>
    </row>
    <row r="10" spans="1:9" ht="15" customHeight="1" x14ac:dyDescent="0.3">
      <c r="A10" s="8" t="s">
        <v>29</v>
      </c>
      <c r="B10" s="35"/>
      <c r="C10" s="64" t="s">
        <v>15</v>
      </c>
      <c r="D10" s="65"/>
      <c r="E10" s="36"/>
      <c r="F10" s="35"/>
      <c r="G10" s="35"/>
    </row>
    <row r="11" spans="1:9" ht="15" customHeight="1" x14ac:dyDescent="0.3">
      <c r="A11" s="8" t="s">
        <v>30</v>
      </c>
      <c r="B11" s="35"/>
      <c r="C11" s="64" t="s">
        <v>15</v>
      </c>
      <c r="D11" s="65"/>
      <c r="E11" s="36"/>
      <c r="F11" s="35"/>
      <c r="G11" s="35"/>
    </row>
    <row r="12" spans="1:9" ht="15" customHeight="1" x14ac:dyDescent="0.3">
      <c r="A12" s="24"/>
      <c r="B12" s="25"/>
      <c r="C12" s="25"/>
      <c r="D12" s="26"/>
      <c r="E12" s="25"/>
      <c r="F12" s="25"/>
      <c r="G12" s="25"/>
    </row>
    <row r="13" spans="1:9" ht="15" customHeight="1" x14ac:dyDescent="0.3">
      <c r="A13" s="55" t="s">
        <v>32</v>
      </c>
      <c r="B13" s="56"/>
      <c r="C13" s="56"/>
      <c r="D13" s="56"/>
      <c r="E13" s="56"/>
      <c r="F13" s="56"/>
      <c r="G13" s="56"/>
    </row>
    <row r="14" spans="1:9" ht="15" customHeight="1" x14ac:dyDescent="0.3">
      <c r="A14" s="38" t="s">
        <v>22</v>
      </c>
      <c r="B14" s="38"/>
      <c r="C14" s="38"/>
      <c r="D14" s="28"/>
      <c r="E14" s="38" t="s">
        <v>23</v>
      </c>
      <c r="F14" s="38"/>
      <c r="G14" s="38"/>
    </row>
    <row r="15" spans="1:9" ht="15" customHeight="1" x14ac:dyDescent="0.3">
      <c r="A15" s="34"/>
      <c r="B15" s="34"/>
      <c r="C15" s="34"/>
      <c r="D15" s="28"/>
      <c r="E15" s="34"/>
      <c r="F15" s="34"/>
      <c r="G15" s="34"/>
    </row>
    <row r="16" spans="1:9" ht="15" customHeight="1" x14ac:dyDescent="0.3">
      <c r="A16" s="4" t="s">
        <v>28</v>
      </c>
      <c r="D16" s="28"/>
      <c r="E16" s="4" t="s">
        <v>28</v>
      </c>
    </row>
    <row r="17" spans="1:7" ht="15" customHeight="1" x14ac:dyDescent="0.3">
      <c r="A17" s="12" t="s">
        <v>1</v>
      </c>
      <c r="B17" s="12" t="s">
        <v>0</v>
      </c>
      <c r="C17" s="5" t="s">
        <v>24</v>
      </c>
      <c r="D17" s="28"/>
      <c r="E17" s="12" t="s">
        <v>1</v>
      </c>
      <c r="F17" s="12" t="s">
        <v>0</v>
      </c>
      <c r="G17" s="5" t="s">
        <v>24</v>
      </c>
    </row>
    <row r="18" spans="1:7" ht="15" customHeight="1" x14ac:dyDescent="0.3">
      <c r="A18" s="1"/>
      <c r="B18" s="1"/>
      <c r="C18" s="1"/>
      <c r="D18" s="28"/>
      <c r="E18" s="1"/>
      <c r="F18" s="1"/>
      <c r="G18" s="1"/>
    </row>
    <row r="19" spans="1:7" ht="15" customHeight="1" x14ac:dyDescent="0.3">
      <c r="A19" s="1"/>
      <c r="B19" s="1"/>
      <c r="C19" s="1"/>
      <c r="D19" s="28"/>
      <c r="E19" s="1"/>
      <c r="F19" s="1"/>
      <c r="G19" s="1"/>
    </row>
    <row r="20" spans="1:7" ht="15" customHeight="1" x14ac:dyDescent="0.3">
      <c r="A20" s="1"/>
      <c r="B20" s="1"/>
      <c r="C20" s="1"/>
      <c r="D20" s="28"/>
      <c r="E20" s="1"/>
      <c r="F20" s="1"/>
      <c r="G20" s="1"/>
    </row>
    <row r="21" spans="1:7" x14ac:dyDescent="0.3">
      <c r="A21" s="1"/>
      <c r="B21" s="1"/>
      <c r="C21" s="1"/>
      <c r="D21" s="28"/>
      <c r="E21" s="1"/>
      <c r="F21" s="1"/>
      <c r="G21" s="1"/>
    </row>
    <row r="22" spans="1:7" x14ac:dyDescent="0.3">
      <c r="A22" s="1"/>
      <c r="B22" s="1"/>
      <c r="C22" s="1"/>
      <c r="D22" s="28"/>
      <c r="E22" s="1"/>
      <c r="F22" s="1"/>
      <c r="G22" s="1"/>
    </row>
    <row r="23" spans="1:7" x14ac:dyDescent="0.3">
      <c r="A23" s="1"/>
      <c r="B23" s="1"/>
      <c r="C23" s="1"/>
      <c r="D23" s="28"/>
      <c r="E23" s="1"/>
      <c r="F23" s="1"/>
      <c r="G23" s="1"/>
    </row>
    <row r="24" spans="1:7" x14ac:dyDescent="0.3">
      <c r="A24" s="1"/>
      <c r="B24" s="1"/>
      <c r="C24" s="1"/>
      <c r="D24" s="28"/>
      <c r="E24" s="1"/>
      <c r="F24" s="1"/>
      <c r="G24" s="1"/>
    </row>
    <row r="25" spans="1:7" x14ac:dyDescent="0.3">
      <c r="A25" s="1"/>
      <c r="B25" s="1"/>
      <c r="C25" s="1"/>
      <c r="D25" s="28"/>
      <c r="E25" s="1"/>
      <c r="F25" s="1"/>
      <c r="G25" s="1"/>
    </row>
    <row r="26" spans="1:7" x14ac:dyDescent="0.3">
      <c r="A26" s="1"/>
      <c r="B26" s="1"/>
      <c r="C26" s="1"/>
      <c r="D26" s="28"/>
      <c r="E26" s="1"/>
      <c r="F26" s="1"/>
      <c r="G26" s="1"/>
    </row>
    <row r="27" spans="1:7" x14ac:dyDescent="0.3">
      <c r="A27" s="1"/>
      <c r="B27" s="1"/>
      <c r="C27" s="1"/>
      <c r="D27" s="28"/>
      <c r="E27" s="1"/>
      <c r="F27" s="1"/>
      <c r="G27" s="1"/>
    </row>
    <row r="28" spans="1:7" x14ac:dyDescent="0.3">
      <c r="A28" s="1"/>
      <c r="B28" s="1"/>
      <c r="C28" s="1"/>
      <c r="D28" s="28"/>
      <c r="E28" s="1"/>
      <c r="F28" s="1"/>
      <c r="G28" s="1"/>
    </row>
    <row r="29" spans="1:7" ht="15" thickBot="1" x14ac:dyDescent="0.35">
      <c r="A29" s="1"/>
      <c r="B29" s="1"/>
      <c r="C29" s="2"/>
      <c r="D29" s="28"/>
      <c r="E29" s="1"/>
      <c r="F29" s="1"/>
      <c r="G29" s="2"/>
    </row>
    <row r="30" spans="1:7" ht="16.2" thickBot="1" x14ac:dyDescent="0.35">
      <c r="A30" s="6"/>
      <c r="B30" s="14" t="s">
        <v>2</v>
      </c>
      <c r="C30" s="13">
        <f>SUM(C18:C29)</f>
        <v>0</v>
      </c>
      <c r="D30" s="28"/>
      <c r="E30" s="6"/>
      <c r="F30" s="14" t="s">
        <v>2</v>
      </c>
      <c r="G30" s="13">
        <f>SUM(G18:G29)</f>
        <v>0</v>
      </c>
    </row>
    <row r="31" spans="1:7" x14ac:dyDescent="0.3">
      <c r="D31" s="28"/>
    </row>
    <row r="32" spans="1:7" ht="15.6" x14ac:dyDescent="0.3">
      <c r="A32" s="4" t="s">
        <v>27</v>
      </c>
      <c r="D32" s="28"/>
      <c r="E32" s="4" t="s">
        <v>27</v>
      </c>
    </row>
    <row r="33" spans="1:7" ht="15.6" x14ac:dyDescent="0.3">
      <c r="A33" s="12" t="s">
        <v>1</v>
      </c>
      <c r="B33" s="12" t="s">
        <v>0</v>
      </c>
      <c r="C33" s="5" t="s">
        <v>24</v>
      </c>
      <c r="D33" s="28"/>
      <c r="E33" s="12" t="s">
        <v>1</v>
      </c>
      <c r="F33" s="12" t="s">
        <v>0</v>
      </c>
      <c r="G33" s="5" t="s">
        <v>24</v>
      </c>
    </row>
    <row r="34" spans="1:7" x14ac:dyDescent="0.3">
      <c r="A34" s="1"/>
      <c r="B34" s="1"/>
      <c r="C34" s="1"/>
      <c r="D34" s="28"/>
      <c r="E34" s="1"/>
      <c r="F34" s="1"/>
      <c r="G34" s="1"/>
    </row>
    <row r="35" spans="1:7" x14ac:dyDescent="0.3">
      <c r="A35" s="1"/>
      <c r="B35" s="1"/>
      <c r="C35" s="1"/>
      <c r="D35" s="28"/>
      <c r="E35" s="1"/>
      <c r="F35" s="1"/>
      <c r="G35" s="1"/>
    </row>
    <row r="36" spans="1:7" x14ac:dyDescent="0.3">
      <c r="A36" s="1"/>
      <c r="B36" s="1"/>
      <c r="C36" s="3"/>
      <c r="D36" s="28"/>
      <c r="E36" s="1"/>
      <c r="F36" s="1"/>
      <c r="G36" s="3"/>
    </row>
    <row r="37" spans="1:7" x14ac:dyDescent="0.3">
      <c r="A37" s="1"/>
      <c r="B37" s="1"/>
      <c r="C37" s="3"/>
      <c r="D37" s="28"/>
      <c r="E37" s="1"/>
      <c r="F37" s="1"/>
      <c r="G37" s="3"/>
    </row>
    <row r="38" spans="1:7" x14ac:dyDescent="0.3">
      <c r="A38" s="1"/>
      <c r="B38" s="1"/>
      <c r="C38" s="3"/>
      <c r="D38" s="28"/>
      <c r="E38" s="1"/>
      <c r="F38" s="1"/>
      <c r="G38" s="3"/>
    </row>
    <row r="39" spans="1:7" x14ac:dyDescent="0.3">
      <c r="A39" s="1"/>
      <c r="B39" s="1"/>
      <c r="C39" s="3"/>
      <c r="D39" s="28"/>
      <c r="E39" s="1"/>
      <c r="F39" s="1"/>
      <c r="G39" s="3"/>
    </row>
    <row r="40" spans="1:7" x14ac:dyDescent="0.3">
      <c r="A40" s="1"/>
      <c r="B40" s="1"/>
      <c r="C40" s="3"/>
      <c r="D40" s="28"/>
      <c r="E40" s="1"/>
      <c r="F40" s="1"/>
      <c r="G40" s="3"/>
    </row>
    <row r="41" spans="1:7" x14ac:dyDescent="0.3">
      <c r="A41" s="1"/>
      <c r="B41" s="1"/>
      <c r="C41" s="3"/>
      <c r="D41" s="28"/>
      <c r="E41" s="1"/>
      <c r="F41" s="1"/>
      <c r="G41" s="3"/>
    </row>
    <row r="42" spans="1:7" x14ac:dyDescent="0.3">
      <c r="A42" s="1"/>
      <c r="B42" s="1"/>
      <c r="C42" s="3"/>
      <c r="D42" s="28"/>
      <c r="E42" s="1"/>
      <c r="F42" s="1"/>
      <c r="G42" s="3"/>
    </row>
    <row r="43" spans="1:7" ht="15" thickBot="1" x14ac:dyDescent="0.35">
      <c r="A43" s="1"/>
      <c r="B43" s="1"/>
      <c r="C43" s="2"/>
      <c r="D43" s="28"/>
      <c r="E43" s="1"/>
      <c r="F43" s="1"/>
      <c r="G43" s="2"/>
    </row>
    <row r="44" spans="1:7" ht="16.2" thickBot="1" x14ac:dyDescent="0.35">
      <c r="A44" s="6"/>
      <c r="B44" s="14" t="s">
        <v>2</v>
      </c>
      <c r="C44" s="13">
        <f>SUM(C34:C43)</f>
        <v>0</v>
      </c>
      <c r="D44" s="28"/>
      <c r="E44" s="6"/>
      <c r="F44" s="14" t="s">
        <v>2</v>
      </c>
      <c r="G44" s="13">
        <f>SUM(G34:G43)</f>
        <v>0</v>
      </c>
    </row>
    <row r="45" spans="1:7" x14ac:dyDescent="0.3">
      <c r="D45" s="28"/>
    </row>
    <row r="46" spans="1:7" ht="15.6" x14ac:dyDescent="0.3">
      <c r="A46" s="4" t="s">
        <v>17</v>
      </c>
      <c r="D46" s="28"/>
      <c r="E46" s="4" t="s">
        <v>17</v>
      </c>
    </row>
    <row r="47" spans="1:7" ht="15.6" x14ac:dyDescent="0.3">
      <c r="A47" s="12" t="s">
        <v>1</v>
      </c>
      <c r="B47" s="12" t="s">
        <v>0</v>
      </c>
      <c r="C47" s="5" t="s">
        <v>24</v>
      </c>
      <c r="D47" s="28"/>
      <c r="E47" s="12" t="s">
        <v>1</v>
      </c>
      <c r="F47" s="12" t="s">
        <v>0</v>
      </c>
      <c r="G47" s="5" t="s">
        <v>24</v>
      </c>
    </row>
    <row r="48" spans="1:7" ht="15.6" x14ac:dyDescent="0.3">
      <c r="A48" s="47"/>
      <c r="B48" s="48"/>
      <c r="C48" s="49"/>
      <c r="D48" s="28"/>
      <c r="E48" s="47"/>
      <c r="F48" s="48"/>
      <c r="G48" s="49"/>
    </row>
    <row r="49" spans="1:7" x14ac:dyDescent="0.3">
      <c r="A49" s="47"/>
      <c r="B49" s="47"/>
      <c r="C49" s="50"/>
      <c r="D49" s="28"/>
      <c r="E49" s="47"/>
      <c r="F49" s="47"/>
      <c r="G49" s="50"/>
    </row>
    <row r="50" spans="1:7" ht="15" thickBot="1" x14ac:dyDescent="0.35">
      <c r="A50" s="47"/>
      <c r="B50" s="47"/>
      <c r="C50" s="51"/>
      <c r="D50" s="28"/>
      <c r="E50" s="47"/>
      <c r="F50" s="47"/>
      <c r="G50" s="51"/>
    </row>
    <row r="51" spans="1:7" ht="16.2" thickBot="1" x14ac:dyDescent="0.35">
      <c r="A51" s="6"/>
      <c r="B51" s="14" t="s">
        <v>2</v>
      </c>
      <c r="C51" s="13">
        <f>SUM(C48:C50)</f>
        <v>0</v>
      </c>
      <c r="D51" s="28"/>
      <c r="E51" s="6"/>
      <c r="F51" s="14" t="s">
        <v>2</v>
      </c>
      <c r="G51" s="13">
        <f>SUM(G48:G50)</f>
        <v>0</v>
      </c>
    </row>
    <row r="52" spans="1:7" x14ac:dyDescent="0.3">
      <c r="D52" s="28"/>
    </row>
    <row r="53" spans="1:7" ht="15.6" x14ac:dyDescent="0.3">
      <c r="A53" s="4" t="s">
        <v>16</v>
      </c>
      <c r="D53" s="28"/>
      <c r="E53" s="4" t="s">
        <v>16</v>
      </c>
    </row>
    <row r="54" spans="1:7" ht="15.6" x14ac:dyDescent="0.3">
      <c r="A54" s="12" t="s">
        <v>1</v>
      </c>
      <c r="B54" s="12" t="s">
        <v>0</v>
      </c>
      <c r="C54" s="5" t="s">
        <v>24</v>
      </c>
      <c r="D54" s="28"/>
      <c r="E54" s="12" t="s">
        <v>1</v>
      </c>
      <c r="F54" s="12" t="s">
        <v>0</v>
      </c>
      <c r="G54" s="5" t="s">
        <v>24</v>
      </c>
    </row>
    <row r="55" spans="1:7" ht="15.6" x14ac:dyDescent="0.3">
      <c r="A55" s="47"/>
      <c r="B55" s="48"/>
      <c r="C55" s="49"/>
      <c r="D55" s="28"/>
      <c r="E55" s="47"/>
      <c r="F55" s="48"/>
      <c r="G55" s="49"/>
    </row>
    <row r="56" spans="1:7" ht="15.6" x14ac:dyDescent="0.3">
      <c r="A56" s="47"/>
      <c r="B56" s="48"/>
      <c r="C56" s="49"/>
      <c r="D56" s="28"/>
      <c r="E56" s="47"/>
      <c r="F56" s="48"/>
      <c r="G56" s="49"/>
    </row>
    <row r="57" spans="1:7" ht="15.6" x14ac:dyDescent="0.3">
      <c r="A57" s="47"/>
      <c r="B57" s="48"/>
      <c r="C57" s="49"/>
      <c r="D57" s="28"/>
      <c r="E57" s="47"/>
      <c r="F57" s="48"/>
      <c r="G57" s="49"/>
    </row>
    <row r="58" spans="1:7" ht="15.6" x14ac:dyDescent="0.3">
      <c r="A58" s="47"/>
      <c r="B58" s="48"/>
      <c r="C58" s="49"/>
      <c r="D58" s="28"/>
      <c r="E58" s="47"/>
      <c r="F58" s="48"/>
      <c r="G58" s="49"/>
    </row>
    <row r="59" spans="1:7" ht="15.6" x14ac:dyDescent="0.3">
      <c r="A59" s="47"/>
      <c r="B59" s="48"/>
      <c r="C59" s="49"/>
      <c r="D59" s="28"/>
      <c r="E59" s="52"/>
      <c r="F59" s="48"/>
      <c r="G59" s="49"/>
    </row>
    <row r="60" spans="1:7" ht="15.6" x14ac:dyDescent="0.3">
      <c r="A60" s="47"/>
      <c r="B60" s="48"/>
      <c r="C60" s="49"/>
      <c r="D60" s="28"/>
      <c r="E60" s="47"/>
      <c r="F60" s="48"/>
      <c r="G60" s="49"/>
    </row>
    <row r="61" spans="1:7" ht="15.6" x14ac:dyDescent="0.3">
      <c r="A61" s="47"/>
      <c r="B61" s="48"/>
      <c r="C61" s="49"/>
      <c r="D61" s="28"/>
      <c r="E61" s="47"/>
      <c r="F61" s="48"/>
      <c r="G61" s="49"/>
    </row>
    <row r="62" spans="1:7" x14ac:dyDescent="0.3">
      <c r="A62" s="47"/>
      <c r="B62" s="47"/>
      <c r="C62" s="50"/>
      <c r="D62" s="28"/>
      <c r="E62" s="47"/>
      <c r="F62" s="47"/>
      <c r="G62" s="50"/>
    </row>
    <row r="63" spans="1:7" x14ac:dyDescent="0.3">
      <c r="A63" s="47"/>
      <c r="B63" s="47"/>
      <c r="C63" s="50"/>
      <c r="D63" s="28"/>
      <c r="E63" s="47"/>
      <c r="F63" s="47"/>
      <c r="G63" s="50"/>
    </row>
    <row r="64" spans="1:7" x14ac:dyDescent="0.3">
      <c r="A64" s="47"/>
      <c r="B64" s="47"/>
      <c r="C64" s="50"/>
      <c r="D64" s="28"/>
      <c r="E64" s="47"/>
      <c r="F64" s="47"/>
      <c r="G64" s="50"/>
    </row>
    <row r="65" spans="1:9" x14ac:dyDescent="0.3">
      <c r="A65" s="47"/>
      <c r="B65" s="47"/>
      <c r="C65" s="50"/>
      <c r="D65" s="28"/>
      <c r="E65" s="47"/>
      <c r="F65" s="47"/>
      <c r="G65" s="50"/>
    </row>
    <row r="66" spans="1:9" ht="16.2" thickBot="1" x14ac:dyDescent="0.35">
      <c r="A66" s="47"/>
      <c r="B66" s="47"/>
      <c r="C66" s="51"/>
      <c r="D66" s="28"/>
      <c r="E66" s="47"/>
      <c r="F66" s="47"/>
      <c r="G66" s="51"/>
      <c r="H66" s="33"/>
      <c r="I66" s="6"/>
    </row>
    <row r="67" spans="1:9" ht="16.2" thickBot="1" x14ac:dyDescent="0.35">
      <c r="A67" s="6"/>
      <c r="B67" s="14" t="s">
        <v>2</v>
      </c>
      <c r="C67" s="13">
        <f>SUM(C55:C66)</f>
        <v>0</v>
      </c>
      <c r="D67" s="28"/>
      <c r="E67" s="6"/>
      <c r="F67" s="14" t="s">
        <v>2</v>
      </c>
      <c r="G67" s="13">
        <f>SUM(G55:G66)</f>
        <v>0</v>
      </c>
    </row>
    <row r="68" spans="1:9" x14ac:dyDescent="0.3">
      <c r="D68" s="28"/>
    </row>
    <row r="69" spans="1:9" ht="15.6" x14ac:dyDescent="0.3">
      <c r="A69" s="4" t="s">
        <v>18</v>
      </c>
      <c r="D69" s="28"/>
      <c r="E69" s="4" t="s">
        <v>18</v>
      </c>
      <c r="H69" s="9"/>
    </row>
    <row r="70" spans="1:9" ht="15.6" x14ac:dyDescent="0.3">
      <c r="A70" s="12" t="s">
        <v>1</v>
      </c>
      <c r="B70" s="12" t="s">
        <v>0</v>
      </c>
      <c r="C70" s="5" t="s">
        <v>24</v>
      </c>
      <c r="D70" s="28"/>
      <c r="E70" s="12" t="s">
        <v>1</v>
      </c>
      <c r="F70" s="12" t="s">
        <v>0</v>
      </c>
      <c r="G70" s="5" t="s">
        <v>24</v>
      </c>
      <c r="H70" s="9"/>
    </row>
    <row r="71" spans="1:9" ht="15" thickBot="1" x14ac:dyDescent="0.35">
      <c r="A71" s="47"/>
      <c r="B71" s="47"/>
      <c r="C71" s="16"/>
      <c r="D71" s="28"/>
      <c r="E71" s="47"/>
      <c r="F71" s="47"/>
      <c r="G71" s="51"/>
      <c r="H71" s="9"/>
    </row>
    <row r="72" spans="1:9" ht="16.2" thickBot="1" x14ac:dyDescent="0.35">
      <c r="A72" s="17"/>
      <c r="B72" s="14" t="s">
        <v>2</v>
      </c>
      <c r="C72" s="13">
        <f>SUM(C71)</f>
        <v>0</v>
      </c>
      <c r="D72" s="28"/>
      <c r="E72" s="17"/>
      <c r="F72" s="14" t="s">
        <v>2</v>
      </c>
      <c r="G72" s="13">
        <f>SUM(G71)</f>
        <v>0</v>
      </c>
      <c r="H72" s="9"/>
    </row>
    <row r="73" spans="1:9" x14ac:dyDescent="0.3">
      <c r="B73" t="s">
        <v>9</v>
      </c>
      <c r="D73" s="28"/>
      <c r="H73" s="9"/>
    </row>
    <row r="74" spans="1:9" ht="15.6" x14ac:dyDescent="0.3">
      <c r="A74" s="4" t="s">
        <v>26</v>
      </c>
      <c r="D74" s="28"/>
      <c r="E74" s="4" t="s">
        <v>26</v>
      </c>
      <c r="H74" s="9"/>
    </row>
    <row r="75" spans="1:9" ht="15.6" x14ac:dyDescent="0.3">
      <c r="A75" s="12" t="s">
        <v>1</v>
      </c>
      <c r="B75" s="12" t="s">
        <v>0</v>
      </c>
      <c r="C75" s="5" t="s">
        <v>24</v>
      </c>
      <c r="D75" s="28"/>
      <c r="E75" s="12" t="s">
        <v>1</v>
      </c>
      <c r="F75" s="12" t="s">
        <v>0</v>
      </c>
      <c r="G75" s="5" t="s">
        <v>24</v>
      </c>
      <c r="H75" s="9"/>
    </row>
    <row r="76" spans="1:9" ht="15" thickBot="1" x14ac:dyDescent="0.35">
      <c r="A76" s="53"/>
      <c r="B76" s="15"/>
      <c r="C76" s="15"/>
      <c r="D76" s="28"/>
      <c r="E76" s="53"/>
      <c r="F76" s="15"/>
      <c r="G76" s="15"/>
      <c r="H76" s="9"/>
    </row>
    <row r="77" spans="1:9" ht="16.2" thickBot="1" x14ac:dyDescent="0.35">
      <c r="A77" s="17"/>
      <c r="B77" s="14" t="s">
        <v>2</v>
      </c>
      <c r="C77" s="13">
        <f>C76</f>
        <v>0</v>
      </c>
      <c r="D77" s="28"/>
      <c r="E77" s="17"/>
      <c r="F77" s="14" t="s">
        <v>2</v>
      </c>
      <c r="G77" s="13">
        <f>G76</f>
        <v>0</v>
      </c>
      <c r="H77" s="9"/>
    </row>
    <row r="78" spans="1:9" ht="15" thickBot="1" x14ac:dyDescent="0.35">
      <c r="A78" s="17"/>
      <c r="B78" s="21"/>
      <c r="C78" s="21"/>
      <c r="D78" s="28"/>
      <c r="E78" s="17"/>
      <c r="F78" s="21"/>
      <c r="G78" s="21"/>
      <c r="H78" s="9"/>
    </row>
    <row r="79" spans="1:9" ht="15" thickBot="1" x14ac:dyDescent="0.35">
      <c r="A79" s="6"/>
      <c r="B79" s="17" t="s">
        <v>11</v>
      </c>
      <c r="C79" s="23">
        <f>SUM(C77,C72,C67,C51,C44,C30)</f>
        <v>0</v>
      </c>
      <c r="D79" s="29"/>
      <c r="E79" s="10"/>
      <c r="F79" s="17" t="s">
        <v>25</v>
      </c>
      <c r="G79" s="23">
        <f>SUM(G77,G72,G67,G51,G44,G30)</f>
        <v>0</v>
      </c>
      <c r="H79" s="9"/>
    </row>
    <row r="80" spans="1:9" x14ac:dyDescent="0.3">
      <c r="A80" s="6"/>
      <c r="B80" s="17"/>
      <c r="C80" s="17"/>
      <c r="D80" s="29"/>
      <c r="E80" s="10"/>
      <c r="F80" s="17"/>
      <c r="G80" s="17"/>
      <c r="H80" s="9"/>
    </row>
    <row r="81" spans="1:9" ht="15.6" x14ac:dyDescent="0.3">
      <c r="A81" s="4" t="s">
        <v>21</v>
      </c>
      <c r="D81" s="30"/>
      <c r="E81" s="4" t="s">
        <v>21</v>
      </c>
      <c r="H81" s="9"/>
    </row>
    <row r="82" spans="1:9" ht="15.6" x14ac:dyDescent="0.3">
      <c r="A82" s="22" t="s">
        <v>1</v>
      </c>
      <c r="B82" s="12" t="s">
        <v>0</v>
      </c>
      <c r="C82" s="5" t="s">
        <v>24</v>
      </c>
      <c r="D82" s="30"/>
      <c r="E82" s="12" t="s">
        <v>1</v>
      </c>
      <c r="F82" s="12" t="s">
        <v>0</v>
      </c>
      <c r="G82" s="5" t="s">
        <v>24</v>
      </c>
      <c r="H82" s="9"/>
    </row>
    <row r="83" spans="1:9" ht="15.6" x14ac:dyDescent="0.3">
      <c r="A83" s="54"/>
      <c r="B83" s="48"/>
      <c r="C83" s="49"/>
      <c r="D83" s="30"/>
      <c r="E83" s="47"/>
      <c r="F83" s="48"/>
      <c r="G83" s="49"/>
      <c r="H83" s="9"/>
    </row>
    <row r="84" spans="1:9" ht="15.6" x14ac:dyDescent="0.3">
      <c r="A84" s="54"/>
      <c r="B84" s="48"/>
      <c r="C84" s="49"/>
      <c r="D84" s="30"/>
      <c r="E84" s="47"/>
      <c r="F84" s="48"/>
      <c r="G84" s="49"/>
      <c r="H84" s="9"/>
    </row>
    <row r="85" spans="1:9" ht="15.6" x14ac:dyDescent="0.3">
      <c r="A85" s="54"/>
      <c r="B85" s="48"/>
      <c r="C85" s="49"/>
      <c r="D85" s="30"/>
      <c r="E85" s="47"/>
      <c r="F85" s="48"/>
      <c r="G85" s="49"/>
      <c r="H85" s="9"/>
    </row>
    <row r="86" spans="1:9" ht="15.6" x14ac:dyDescent="0.3">
      <c r="A86" s="47"/>
      <c r="B86" s="48"/>
      <c r="C86" s="49"/>
      <c r="D86" s="30"/>
      <c r="E86" s="47"/>
      <c r="F86" s="48"/>
      <c r="G86" s="49"/>
      <c r="H86" s="9"/>
    </row>
    <row r="87" spans="1:9" ht="15.6" x14ac:dyDescent="0.3">
      <c r="A87" s="47"/>
      <c r="B87" s="48"/>
      <c r="C87" s="49"/>
      <c r="D87" s="30"/>
      <c r="E87" s="47"/>
      <c r="F87" s="48"/>
      <c r="G87" s="49"/>
    </row>
    <row r="88" spans="1:9" ht="15.6" x14ac:dyDescent="0.3">
      <c r="A88" s="47"/>
      <c r="B88" s="48"/>
      <c r="C88" s="49"/>
      <c r="D88" s="30"/>
      <c r="E88" s="47"/>
      <c r="F88" s="48"/>
      <c r="G88" s="49"/>
    </row>
    <row r="89" spans="1:9" ht="15.6" x14ac:dyDescent="0.3">
      <c r="A89" s="47"/>
      <c r="B89" s="48"/>
      <c r="C89" s="49"/>
      <c r="D89" s="30"/>
      <c r="E89" s="47"/>
      <c r="F89" s="48"/>
      <c r="G89" s="49"/>
    </row>
    <row r="90" spans="1:9" ht="15.6" x14ac:dyDescent="0.3">
      <c r="A90" s="47"/>
      <c r="B90" s="48"/>
      <c r="C90" s="49"/>
      <c r="D90" s="30"/>
      <c r="E90" s="47"/>
      <c r="F90" s="48"/>
      <c r="G90" s="49"/>
    </row>
    <row r="91" spans="1:9" ht="15" thickBot="1" x14ac:dyDescent="0.35">
      <c r="A91" s="47"/>
      <c r="B91" s="50"/>
      <c r="C91" s="50"/>
      <c r="D91" s="30"/>
      <c r="E91" s="47"/>
      <c r="F91" s="50"/>
      <c r="G91" s="50"/>
    </row>
    <row r="92" spans="1:9" ht="16.2" thickBot="1" x14ac:dyDescent="0.35">
      <c r="A92" s="6"/>
      <c r="B92" s="18" t="s">
        <v>10</v>
      </c>
      <c r="C92" s="19">
        <f>SUM(C83:C91)</f>
        <v>0</v>
      </c>
      <c r="D92" s="31"/>
      <c r="E92" s="6"/>
      <c r="F92" s="18" t="s">
        <v>10</v>
      </c>
      <c r="G92" s="19">
        <f>SUM(G83:G91)</f>
        <v>0</v>
      </c>
    </row>
    <row r="93" spans="1:9" ht="16.2" thickBot="1" x14ac:dyDescent="0.35">
      <c r="A93" s="6"/>
      <c r="B93" s="11" t="s">
        <v>12</v>
      </c>
      <c r="C93" s="19">
        <f>SUM(C79+C92)</f>
        <v>0</v>
      </c>
      <c r="D93" s="32"/>
      <c r="E93" s="6"/>
      <c r="F93" s="11" t="s">
        <v>12</v>
      </c>
      <c r="G93" s="20">
        <f>SUM(G79+G92)</f>
        <v>0</v>
      </c>
    </row>
    <row r="94" spans="1:9" x14ac:dyDescent="0.3">
      <c r="A94" s="6"/>
      <c r="B94" s="6"/>
      <c r="C94" s="6"/>
      <c r="D94" s="27"/>
      <c r="E94" s="27"/>
      <c r="F94" s="6"/>
      <c r="G94" s="6"/>
      <c r="H94" s="6"/>
      <c r="I94" s="6"/>
    </row>
    <row r="95" spans="1:9" x14ac:dyDescent="0.3">
      <c r="A95" s="6"/>
      <c r="B95" s="6"/>
      <c r="C95" s="6"/>
      <c r="D95" s="27"/>
      <c r="E95" s="6"/>
      <c r="F95" s="6"/>
      <c r="G95" s="6"/>
      <c r="H95" s="6"/>
      <c r="I95" s="6"/>
    </row>
    <row r="96" spans="1:9" x14ac:dyDescent="0.3">
      <c r="A96" s="6"/>
      <c r="B96" s="6"/>
      <c r="C96" s="6"/>
      <c r="D96" s="27"/>
      <c r="E96" s="6"/>
      <c r="F96" s="6"/>
      <c r="G96" s="6"/>
      <c r="H96" s="6"/>
      <c r="I96" s="6"/>
    </row>
    <row r="97" spans="1:9" x14ac:dyDescent="0.3">
      <c r="A97" s="42" t="s">
        <v>34</v>
      </c>
      <c r="B97" s="43"/>
      <c r="C97" s="44"/>
      <c r="D97" s="27"/>
      <c r="E97" s="42" t="s">
        <v>36</v>
      </c>
      <c r="F97" s="43"/>
      <c r="G97" s="44"/>
      <c r="H97" s="6"/>
      <c r="I97" s="6"/>
    </row>
    <row r="98" spans="1:9" x14ac:dyDescent="0.3">
      <c r="A98" s="41" t="s">
        <v>35</v>
      </c>
      <c r="B98" s="6"/>
      <c r="C98" s="40"/>
      <c r="D98" s="27"/>
      <c r="E98" s="41" t="s">
        <v>37</v>
      </c>
      <c r="F98" s="6"/>
      <c r="G98" s="40"/>
      <c r="H98" s="6"/>
      <c r="I98" s="6"/>
    </row>
    <row r="99" spans="1:9" x14ac:dyDescent="0.3">
      <c r="A99" s="39"/>
      <c r="B99" s="6"/>
      <c r="C99" s="40"/>
      <c r="D99" s="27"/>
      <c r="E99" s="39"/>
      <c r="F99" s="6"/>
      <c r="G99" s="40"/>
      <c r="H99" s="6"/>
      <c r="I99" s="6"/>
    </row>
    <row r="100" spans="1:9" x14ac:dyDescent="0.3">
      <c r="A100" s="39"/>
      <c r="B100" s="6"/>
      <c r="C100" s="40"/>
      <c r="D100" s="27"/>
      <c r="E100" s="39"/>
      <c r="F100" s="6"/>
      <c r="G100" s="40"/>
      <c r="H100" s="6"/>
      <c r="I100" s="6"/>
    </row>
    <row r="101" spans="1:9" x14ac:dyDescent="0.3">
      <c r="A101" s="39"/>
      <c r="B101" s="6"/>
      <c r="C101" s="40"/>
      <c r="D101" s="27"/>
      <c r="E101" s="39"/>
      <c r="F101" s="6"/>
      <c r="G101" s="40"/>
      <c r="H101" s="6"/>
      <c r="I101" s="6"/>
    </row>
    <row r="102" spans="1:9" x14ac:dyDescent="0.3">
      <c r="A102" s="39"/>
      <c r="B102" s="6"/>
      <c r="C102" s="40"/>
      <c r="E102" s="39"/>
      <c r="F102" s="6"/>
      <c r="G102" s="40"/>
    </row>
    <row r="103" spans="1:9" x14ac:dyDescent="0.3">
      <c r="A103" s="45" t="s">
        <v>33</v>
      </c>
      <c r="B103" s="43"/>
      <c r="C103" s="44"/>
      <c r="E103" s="45" t="s">
        <v>33</v>
      </c>
      <c r="F103" s="43"/>
      <c r="G103" s="44"/>
    </row>
    <row r="104" spans="1:9" x14ac:dyDescent="0.3">
      <c r="A104" s="46" t="s">
        <v>39</v>
      </c>
      <c r="E104" s="46" t="s">
        <v>38</v>
      </c>
    </row>
  </sheetData>
  <dataConsolidate/>
  <mergeCells count="12">
    <mergeCell ref="A1:G1"/>
    <mergeCell ref="C8:D8"/>
    <mergeCell ref="C9:D9"/>
    <mergeCell ref="C10:D10"/>
    <mergeCell ref="C11:D11"/>
    <mergeCell ref="A13:G13"/>
    <mergeCell ref="B3:G3"/>
    <mergeCell ref="B4:G4"/>
    <mergeCell ref="B5:G5"/>
    <mergeCell ref="B7:G7"/>
    <mergeCell ref="B6:D6"/>
    <mergeCell ref="F6:G6"/>
  </mergeCells>
  <dataValidations xWindow="143" yWindow="631" count="2">
    <dataValidation allowBlank="1" showInputMessage="1" showErrorMessage="1" prompt="In case of a combined project add the (concept) title and select the amount of EC. Course code is not necessary. _x000a_In case of a regular project add the (concept) title and course code and select the amount of EC" sqref="A76 E76" xr:uid="{CCC491BD-A21D-4F64-B7EB-A3D80B84A64C}"/>
    <dataValidation type="list" allowBlank="1" showInputMessage="1" showErrorMessage="1" sqref="B15 F15" xr:uid="{00000000-0002-0000-0000-000000000000}">
      <formula1>#REF!</formula1>
    </dataValidation>
  </dataValidations>
  <pageMargins left="0.25" right="0.25" top="0.75" bottom="0.75" header="0.3" footer="0.3"/>
  <pageSetup paperSize="9" scale="44" fitToHeight="0" orientation="portrait" r:id="rId1"/>
  <headerFooter scaleWithDoc="0">
    <oddFooter>&amp;C&amp;G</oddFooter>
  </headerFooter>
  <legacyDrawingHF r:id="rId2"/>
  <extLst>
    <ext xmlns:x14="http://schemas.microsoft.com/office/spreadsheetml/2009/9/main" uri="{CCE6A557-97BC-4b89-ADB6-D9C93CAAB3DF}">
      <x14:dataValidations xmlns:xm="http://schemas.microsoft.com/office/excel/2006/main" xWindow="143" yWindow="631" count="2">
        <x14:dataValidation type="list" allowBlank="1" showInputMessage="1" showErrorMessage="1" promptTitle="EC" prompt="Please select the size of your (combined) graduation project " xr:uid="{FE9FB3E0-EBDC-45B5-8996-194C50767B1F}">
          <x14:formula1>
            <xm:f>ECTS!$A$1:$A$4</xm:f>
          </x14:formula1>
          <xm:sqref>G76</xm:sqref>
        </x14:dataValidation>
        <x14:dataValidation type="list" allowBlank="1" showInputMessage="1" showErrorMessage="1" promptTitle="EC" prompt="Please select the size of your (combined) graduation project" xr:uid="{7CA98494-DDFD-43F5-BD63-C66D706B5D1B}">
          <x14:formula1>
            <xm:f>ECTS!$A$1:$A$4</xm:f>
          </x14:formula1>
          <xm:sqref>C76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A4"/>
  <sheetViews>
    <sheetView workbookViewId="0">
      <selection activeCell="B1" sqref="B1:B4"/>
    </sheetView>
  </sheetViews>
  <sheetFormatPr defaultRowHeight="14.4" x14ac:dyDescent="0.3"/>
  <sheetData>
    <row r="1" spans="1:1" x14ac:dyDescent="0.3">
      <c r="A1">
        <v>30</v>
      </c>
    </row>
    <row r="2" spans="1:1" x14ac:dyDescent="0.3">
      <c r="A2">
        <v>45</v>
      </c>
    </row>
    <row r="3" spans="1:1" x14ac:dyDescent="0.3">
      <c r="A3">
        <v>60</v>
      </c>
    </row>
    <row r="4" spans="1:1" x14ac:dyDescent="0.3">
      <c r="A4">
        <v>75</v>
      </c>
    </row>
  </sheetData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E6BF5C7051DD143A6D4D477AB5F305F" ma:contentTypeVersion="8" ma:contentTypeDescription="Create a new document." ma:contentTypeScope="" ma:versionID="3bb9bd7a7c6a8f1f73c87202749f3f29">
  <xsd:schema xmlns:xsd="http://www.w3.org/2001/XMLSchema" xmlns:xs="http://www.w3.org/2001/XMLSchema" xmlns:p="http://schemas.microsoft.com/office/2006/metadata/properties" xmlns:ns3="0063d8dc-2d79-4fbd-a3e9-1adfd8e42fdc" xmlns:ns4="1e08d24a-90ac-4acf-9eb8-b89244b4c1c3" targetNamespace="http://schemas.microsoft.com/office/2006/metadata/properties" ma:root="true" ma:fieldsID="4b942be6aebee3937dbd432ec6b73068" ns3:_="" ns4:_="">
    <xsd:import namespace="0063d8dc-2d79-4fbd-a3e9-1adfd8e42fdc"/>
    <xsd:import namespace="1e08d24a-90ac-4acf-9eb8-b89244b4c1c3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AutoKeyPoints" minOccurs="0"/>
                <xsd:element ref="ns4:MediaServiceKeyPoints" minOccurs="0"/>
                <xsd:element ref="ns4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063d8dc-2d79-4fbd-a3e9-1adfd8e42fdc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e08d24a-90ac-4acf-9eb8-b89244b4c1c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81B9D6D-1CC2-4A75-AB26-D455163C3D2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063d8dc-2d79-4fbd-a3e9-1adfd8e42fdc"/>
    <ds:schemaRef ds:uri="1e08d24a-90ac-4acf-9eb8-b89244b4c1c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1CBE741E-B8C4-4435-B48D-38058534C496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4D5EF807-FA8D-48F7-8D23-EE5C8A50D669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1</vt:i4>
      </vt:variant>
    </vt:vector>
  </HeadingPairs>
  <TitlesOfParts>
    <vt:vector size="3" baseType="lpstr">
      <vt:lpstr>Bidiplomering</vt:lpstr>
      <vt:lpstr>ECTS</vt:lpstr>
      <vt:lpstr>Bidiplomering!Print_Area</vt:lpstr>
    </vt:vector>
  </TitlesOfParts>
  <Company>Technische Universiteit Eindhoven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osten, S.M.H.J.</dc:creator>
  <cp:lastModifiedBy>Peterse, J.W.</cp:lastModifiedBy>
  <cp:lastPrinted>2020-12-09T08:45:53Z</cp:lastPrinted>
  <dcterms:created xsi:type="dcterms:W3CDTF">2016-07-04T14:52:13Z</dcterms:created>
  <dcterms:modified xsi:type="dcterms:W3CDTF">2020-12-09T08:46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E6BF5C7051DD143A6D4D477AB5F305F</vt:lpwstr>
  </property>
</Properties>
</file>